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4" sheetId="6" r:id="rId1"/>
  </sheets>
  <definedNames>
    <definedName name="_xlnm.Print_Area" localSheetId="0">'20-4'!$A$1:$W$25</definedName>
  </definedNames>
  <calcPr calcId="152511"/>
</workbook>
</file>

<file path=xl/calcChain.xml><?xml version="1.0" encoding="utf-8"?>
<calcChain xmlns="http://schemas.openxmlformats.org/spreadsheetml/2006/main">
  <c r="W22" i="6" l="1"/>
  <c r="W23" i="6"/>
  <c r="W21" i="6"/>
  <c r="W20" i="6"/>
  <c r="W19" i="6"/>
  <c r="W18" i="6"/>
  <c r="W17" i="6"/>
  <c r="W16" i="6"/>
  <c r="W15" i="6"/>
  <c r="W14" i="6"/>
  <c r="W10" i="6"/>
  <c r="W11" i="6"/>
  <c r="W12" i="6"/>
  <c r="W13" i="6"/>
  <c r="W5" i="6"/>
  <c r="W7" i="6"/>
  <c r="W6" i="6"/>
  <c r="W8" i="6"/>
  <c r="W9" i="6"/>
</calcChain>
</file>

<file path=xl/sharedStrings.xml><?xml version="1.0" encoding="utf-8"?>
<sst xmlns="http://schemas.openxmlformats.org/spreadsheetml/2006/main" count="35" uniqueCount="21">
  <si>
    <t>年度
学校別</t>
    <rPh sb="0" eb="2">
      <t>ネンド</t>
    </rPh>
    <rPh sb="4" eb="6">
      <t>ガッコウ</t>
    </rPh>
    <rPh sb="6" eb="7">
      <t>ベツ</t>
    </rPh>
    <phoneticPr fontId="2"/>
  </si>
  <si>
    <t>総数</t>
    <rPh sb="0" eb="2">
      <t>ソウスウ</t>
    </rPh>
    <phoneticPr fontId="2"/>
  </si>
  <si>
    <t>学校数</t>
    <rPh sb="0" eb="2">
      <t>ガッコウ</t>
    </rPh>
    <rPh sb="2" eb="3">
      <t>カズ</t>
    </rPh>
    <phoneticPr fontId="2"/>
  </si>
  <si>
    <t>学級数</t>
    <rPh sb="0" eb="2">
      <t>ガッキュウ</t>
    </rPh>
    <rPh sb="2" eb="3">
      <t>カズ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職員数</t>
    <rPh sb="0" eb="2">
      <t>ショクイン</t>
    </rPh>
    <rPh sb="2" eb="3">
      <t>カズ</t>
    </rPh>
    <phoneticPr fontId="2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2"/>
  </si>
  <si>
    <t>単式学級</t>
    <rPh sb="0" eb="2">
      <t>タンシキ</t>
    </rPh>
    <rPh sb="2" eb="4">
      <t>ガッキュウ</t>
    </rPh>
    <phoneticPr fontId="2"/>
  </si>
  <si>
    <t>教員数</t>
    <rPh sb="0" eb="2">
      <t>キョウイン</t>
    </rPh>
    <rPh sb="2" eb="3">
      <t>カズ</t>
    </rPh>
    <phoneticPr fontId="2"/>
  </si>
  <si>
    <t>１学年</t>
    <rPh sb="1" eb="3">
      <t>ガクネン</t>
    </rPh>
    <phoneticPr fontId="2"/>
  </si>
  <si>
    <t>２学年</t>
    <rPh sb="1" eb="3">
      <t>ガクネン</t>
    </rPh>
    <phoneticPr fontId="2"/>
  </si>
  <si>
    <t>３学年</t>
    <rPh sb="1" eb="3">
      <t>ガクネン</t>
    </rPh>
    <phoneticPr fontId="2"/>
  </si>
  <si>
    <t>生徒数</t>
    <rPh sb="0" eb="2">
      <t>セイト</t>
    </rPh>
    <rPh sb="2" eb="3">
      <t>カズ</t>
    </rPh>
    <phoneticPr fontId="2"/>
  </si>
  <si>
    <t>各年度５月１日現在（単位：校，学級，人）</t>
    <rPh sb="0" eb="1">
      <t>カク</t>
    </rPh>
    <rPh sb="1" eb="3">
      <t>ネンド</t>
    </rPh>
    <rPh sb="4" eb="5">
      <t>ガツ</t>
    </rPh>
    <rPh sb="6" eb="7">
      <t>ヒ</t>
    </rPh>
    <rPh sb="7" eb="9">
      <t>ゲンザイ</t>
    </rPh>
    <rPh sb="10" eb="12">
      <t>タンイ</t>
    </rPh>
    <rPh sb="13" eb="14">
      <t>コウ</t>
    </rPh>
    <rPh sb="15" eb="17">
      <t>ガッキュウ</t>
    </rPh>
    <rPh sb="18" eb="19">
      <t>ヒト</t>
    </rPh>
    <phoneticPr fontId="2"/>
  </si>
  <si>
    <t>平成13年度</t>
    <rPh sb="0" eb="2">
      <t>ヘイセイ</t>
    </rPh>
    <rPh sb="4" eb="6">
      <t>ネンド</t>
    </rPh>
    <phoneticPr fontId="2"/>
  </si>
  <si>
    <t>１学級
あたり
生徒数（単式のみ）</t>
    <rPh sb="1" eb="3">
      <t>ガッキュウ</t>
    </rPh>
    <rPh sb="8" eb="10">
      <t>セイト</t>
    </rPh>
    <rPh sb="10" eb="11">
      <t>カズ</t>
    </rPh>
    <rPh sb="12" eb="14">
      <t>タンシキ</t>
    </rPh>
    <phoneticPr fontId="2"/>
  </si>
  <si>
    <t>20-4　中学校の概況（公立・私立）</t>
    <rPh sb="5" eb="8">
      <t>チュウガッコウ</t>
    </rPh>
    <rPh sb="9" eb="11">
      <t>ガイキョウ</t>
    </rPh>
    <rPh sb="12" eb="14">
      <t>コウリツ</t>
    </rPh>
    <rPh sb="15" eb="17">
      <t>シリツ</t>
    </rPh>
    <phoneticPr fontId="2"/>
  </si>
  <si>
    <t>注）合併以前(平成16年以前）は旧市町村の足し上げ。</t>
    <rPh sb="0" eb="1">
      <t>チュウ</t>
    </rPh>
    <rPh sb="2" eb="4">
      <t>ガッペイ</t>
    </rPh>
    <rPh sb="4" eb="6">
      <t>イゼン</t>
    </rPh>
    <rPh sb="7" eb="9">
      <t>ヘイセイ</t>
    </rPh>
    <rPh sb="11" eb="12">
      <t>ネン</t>
    </rPh>
    <rPh sb="12" eb="14">
      <t>イゼン</t>
    </rPh>
    <rPh sb="16" eb="17">
      <t>キュウ</t>
    </rPh>
    <rPh sb="17" eb="20">
      <t>シチョウソン</t>
    </rPh>
    <rPh sb="21" eb="22">
      <t>タ</t>
    </rPh>
    <rPh sb="23" eb="24">
      <t>ア</t>
    </rPh>
    <phoneticPr fontId="2"/>
  </si>
  <si>
    <t>令和元年度</t>
    <rPh sb="0" eb="5">
      <t>レイワガンネンド</t>
    </rPh>
    <phoneticPr fontId="2"/>
  </si>
  <si>
    <t>特別
支援
学級</t>
    <rPh sb="0" eb="2">
      <t>トクベツ</t>
    </rPh>
    <rPh sb="3" eb="5">
      <t>シエン</t>
    </rPh>
    <rPh sb="6" eb="8">
      <t>ガッキュ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.0;[Red]\-#,##0.0"/>
    <numFmt numFmtId="177" formatCode="0.0"/>
  </numFmts>
  <fonts count="6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  <font>
      <sz val="11"/>
      <name val="明朝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6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38" fontId="4" fillId="0" borderId="0" xfId="1" applyFont="1" applyBorder="1" applyAlignment="1">
      <alignment horizontal="right" vertical="center"/>
    </xf>
    <xf numFmtId="0" fontId="4" fillId="0" borderId="0" xfId="0" applyFont="1" applyAlignment="1">
      <alignment vertical="center"/>
    </xf>
    <xf numFmtId="177" fontId="4" fillId="0" borderId="0" xfId="0" applyNumberFormat="1" applyFont="1" applyAlignment="1">
      <alignment vertical="center"/>
    </xf>
    <xf numFmtId="38" fontId="4" fillId="0" borderId="0" xfId="1" applyFont="1" applyFill="1" applyBorder="1" applyAlignment="1">
      <alignment horizontal="right" vertical="center"/>
    </xf>
    <xf numFmtId="0" fontId="5" fillId="0" borderId="0" xfId="0" applyFont="1" applyAlignment="1">
      <alignment vertical="center"/>
    </xf>
    <xf numFmtId="176" fontId="4" fillId="0" borderId="0" xfId="1" applyNumberFormat="1" applyFont="1" applyBorder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25"/>
  <sheetViews>
    <sheetView tabSelected="1" zoomScaleNormal="100" zoomScaleSheetLayoutView="100" workbookViewId="0">
      <pane xSplit="2" ySplit="4" topLeftCell="C5" activePane="bottomRight" state="frozen"/>
      <selection pane="topRight" activeCell="C1" sqref="C1"/>
      <selection pane="bottomLeft" activeCell="A5" sqref="A5"/>
      <selection pane="bottomRight"/>
    </sheetView>
  </sheetViews>
  <sheetFormatPr defaultRowHeight="13.5"/>
  <cols>
    <col min="1" max="1" width="7.625" style="8" customWidth="1"/>
    <col min="2" max="2" width="5.875" style="8" customWidth="1"/>
    <col min="3" max="11" width="7.125" style="8" customWidth="1"/>
    <col min="12" max="12" width="8.625" style="8" customWidth="1"/>
    <col min="13" max="23" width="8.375" style="8" customWidth="1"/>
    <col min="24" max="16384" width="9" style="8"/>
  </cols>
  <sheetData>
    <row r="1" spans="1:23" ht="19.5" customHeight="1" thickBot="1">
      <c r="A1" s="1" t="s">
        <v>17</v>
      </c>
      <c r="W1" s="2" t="s">
        <v>14</v>
      </c>
    </row>
    <row r="2" spans="1:23" ht="20.100000000000001" customHeight="1">
      <c r="A2" s="20" t="s">
        <v>0</v>
      </c>
      <c r="B2" s="21"/>
      <c r="C2" s="15" t="s">
        <v>2</v>
      </c>
      <c r="D2" s="15" t="s">
        <v>3</v>
      </c>
      <c r="E2" s="15"/>
      <c r="F2" s="15"/>
      <c r="G2" s="15"/>
      <c r="H2" s="15"/>
      <c r="I2" s="15" t="s">
        <v>9</v>
      </c>
      <c r="J2" s="15"/>
      <c r="K2" s="15"/>
      <c r="L2" s="14" t="s">
        <v>6</v>
      </c>
      <c r="M2" s="15" t="s">
        <v>13</v>
      </c>
      <c r="N2" s="15"/>
      <c r="O2" s="15"/>
      <c r="P2" s="15"/>
      <c r="Q2" s="15"/>
      <c r="R2" s="15"/>
      <c r="S2" s="15"/>
      <c r="T2" s="15"/>
      <c r="U2" s="15"/>
      <c r="V2" s="15"/>
      <c r="W2" s="12" t="s">
        <v>16</v>
      </c>
    </row>
    <row r="3" spans="1:23" ht="20.100000000000001" customHeight="1">
      <c r="A3" s="22"/>
      <c r="B3" s="23"/>
      <c r="C3" s="10"/>
      <c r="D3" s="10" t="s">
        <v>1</v>
      </c>
      <c r="E3" s="10" t="s">
        <v>8</v>
      </c>
      <c r="F3" s="10"/>
      <c r="G3" s="10"/>
      <c r="H3" s="11" t="s">
        <v>20</v>
      </c>
      <c r="I3" s="10" t="s">
        <v>1</v>
      </c>
      <c r="J3" s="10" t="s">
        <v>4</v>
      </c>
      <c r="K3" s="10" t="s">
        <v>5</v>
      </c>
      <c r="L3" s="13"/>
      <c r="M3" s="10" t="s">
        <v>1</v>
      </c>
      <c r="N3" s="10" t="s">
        <v>4</v>
      </c>
      <c r="O3" s="10" t="s">
        <v>5</v>
      </c>
      <c r="P3" s="11" t="s">
        <v>20</v>
      </c>
      <c r="Q3" s="10" t="s">
        <v>10</v>
      </c>
      <c r="R3" s="10"/>
      <c r="S3" s="10" t="s">
        <v>11</v>
      </c>
      <c r="T3" s="10"/>
      <c r="U3" s="10" t="s">
        <v>12</v>
      </c>
      <c r="V3" s="10"/>
      <c r="W3" s="13"/>
    </row>
    <row r="4" spans="1:23" ht="20.100000000000001" customHeight="1">
      <c r="A4" s="24"/>
      <c r="B4" s="25"/>
      <c r="C4" s="10"/>
      <c r="D4" s="10"/>
      <c r="E4" s="3" t="s">
        <v>10</v>
      </c>
      <c r="F4" s="3" t="s">
        <v>11</v>
      </c>
      <c r="G4" s="3" t="s">
        <v>12</v>
      </c>
      <c r="H4" s="10"/>
      <c r="I4" s="10"/>
      <c r="J4" s="10"/>
      <c r="K4" s="10"/>
      <c r="L4" s="13"/>
      <c r="M4" s="10"/>
      <c r="N4" s="10"/>
      <c r="O4" s="10"/>
      <c r="P4" s="10"/>
      <c r="Q4" s="3" t="s">
        <v>4</v>
      </c>
      <c r="R4" s="3" t="s">
        <v>5</v>
      </c>
      <c r="S4" s="3" t="s">
        <v>4</v>
      </c>
      <c r="T4" s="3" t="s">
        <v>5</v>
      </c>
      <c r="U4" s="3" t="s">
        <v>4</v>
      </c>
      <c r="V4" s="3" t="s">
        <v>5</v>
      </c>
      <c r="W4" s="13"/>
    </row>
    <row r="5" spans="1:23" ht="21" customHeight="1">
      <c r="A5" s="18" t="s">
        <v>15</v>
      </c>
      <c r="B5" s="19"/>
      <c r="C5" s="4">
        <v>8</v>
      </c>
      <c r="D5" s="4">
        <v>116</v>
      </c>
      <c r="E5" s="4">
        <v>32</v>
      </c>
      <c r="F5" s="4">
        <v>35</v>
      </c>
      <c r="G5" s="4">
        <v>36</v>
      </c>
      <c r="H5" s="4">
        <v>13</v>
      </c>
      <c r="I5" s="4">
        <v>249</v>
      </c>
      <c r="J5" s="4">
        <v>174</v>
      </c>
      <c r="K5" s="4">
        <v>75</v>
      </c>
      <c r="L5" s="4">
        <v>63</v>
      </c>
      <c r="M5" s="4">
        <v>3730</v>
      </c>
      <c r="N5" s="4">
        <v>1902</v>
      </c>
      <c r="O5" s="4">
        <v>1828</v>
      </c>
      <c r="P5" s="4">
        <v>41</v>
      </c>
      <c r="Q5" s="4">
        <v>599</v>
      </c>
      <c r="R5" s="4">
        <v>594</v>
      </c>
      <c r="S5" s="4">
        <v>644</v>
      </c>
      <c r="T5" s="4">
        <v>599</v>
      </c>
      <c r="U5" s="4">
        <v>659</v>
      </c>
      <c r="V5" s="4">
        <v>635</v>
      </c>
      <c r="W5" s="9">
        <f>(M5-P5)/(E5+F5+G5)</f>
        <v>35.815533980582522</v>
      </c>
    </row>
    <row r="6" spans="1:23" ht="21" customHeight="1">
      <c r="A6" s="16">
        <v>14</v>
      </c>
      <c r="B6" s="17"/>
      <c r="C6" s="4">
        <v>8</v>
      </c>
      <c r="D6" s="4">
        <v>112</v>
      </c>
      <c r="E6" s="4">
        <v>32</v>
      </c>
      <c r="F6" s="4">
        <v>32</v>
      </c>
      <c r="G6" s="4">
        <v>35</v>
      </c>
      <c r="H6" s="4">
        <v>13</v>
      </c>
      <c r="I6" s="4">
        <v>235</v>
      </c>
      <c r="J6" s="4">
        <v>160</v>
      </c>
      <c r="K6" s="4">
        <v>75</v>
      </c>
      <c r="L6" s="4">
        <v>61</v>
      </c>
      <c r="M6" s="4">
        <v>3613</v>
      </c>
      <c r="N6" s="4">
        <v>1881</v>
      </c>
      <c r="O6" s="4">
        <v>1732</v>
      </c>
      <c r="P6" s="4">
        <v>38</v>
      </c>
      <c r="Q6" s="4">
        <v>632</v>
      </c>
      <c r="R6" s="4">
        <v>540</v>
      </c>
      <c r="S6" s="4">
        <v>599</v>
      </c>
      <c r="T6" s="4">
        <v>591</v>
      </c>
      <c r="U6" s="4">
        <v>650</v>
      </c>
      <c r="V6" s="4">
        <v>601</v>
      </c>
      <c r="W6" s="9">
        <f>(M6-P6)/(E6+F6+G6)</f>
        <v>36.111111111111114</v>
      </c>
    </row>
    <row r="7" spans="1:23" ht="21" customHeight="1">
      <c r="A7" s="16">
        <v>15</v>
      </c>
      <c r="B7" s="17"/>
      <c r="C7" s="4">
        <v>8</v>
      </c>
      <c r="D7" s="4">
        <v>108</v>
      </c>
      <c r="E7" s="4">
        <v>31</v>
      </c>
      <c r="F7" s="4">
        <v>32</v>
      </c>
      <c r="G7" s="4">
        <v>32</v>
      </c>
      <c r="H7" s="4">
        <v>13</v>
      </c>
      <c r="I7" s="4">
        <v>230</v>
      </c>
      <c r="J7" s="4">
        <v>157</v>
      </c>
      <c r="K7" s="4">
        <v>73</v>
      </c>
      <c r="L7" s="4">
        <v>66</v>
      </c>
      <c r="M7" s="4">
        <v>3491</v>
      </c>
      <c r="N7" s="4">
        <v>1783</v>
      </c>
      <c r="O7" s="4">
        <v>1708</v>
      </c>
      <c r="P7" s="4">
        <v>42</v>
      </c>
      <c r="Q7" s="4">
        <v>558</v>
      </c>
      <c r="R7" s="4">
        <v>583</v>
      </c>
      <c r="S7" s="4">
        <v>629</v>
      </c>
      <c r="T7" s="4">
        <v>533</v>
      </c>
      <c r="U7" s="4">
        <v>596</v>
      </c>
      <c r="V7" s="4">
        <v>592</v>
      </c>
      <c r="W7" s="9">
        <f>(M7-P7)/(E7+F7+G7)</f>
        <v>36.305263157894736</v>
      </c>
    </row>
    <row r="8" spans="1:23" ht="21" customHeight="1">
      <c r="A8" s="16">
        <v>16</v>
      </c>
      <c r="B8" s="17"/>
      <c r="C8" s="4">
        <v>8</v>
      </c>
      <c r="D8" s="4">
        <v>107</v>
      </c>
      <c r="E8" s="4">
        <v>31</v>
      </c>
      <c r="F8" s="4">
        <v>31</v>
      </c>
      <c r="G8" s="4">
        <v>32</v>
      </c>
      <c r="H8" s="4">
        <v>13</v>
      </c>
      <c r="I8" s="4">
        <v>229</v>
      </c>
      <c r="J8" s="4">
        <v>151</v>
      </c>
      <c r="K8" s="4">
        <v>78</v>
      </c>
      <c r="L8" s="4">
        <v>59</v>
      </c>
      <c r="M8" s="4">
        <v>3444</v>
      </c>
      <c r="N8" s="4">
        <v>1762</v>
      </c>
      <c r="O8" s="4">
        <v>1682</v>
      </c>
      <c r="P8" s="4">
        <v>37</v>
      </c>
      <c r="Q8" s="4">
        <v>570</v>
      </c>
      <c r="R8" s="4">
        <v>567</v>
      </c>
      <c r="S8" s="4">
        <v>562</v>
      </c>
      <c r="T8" s="4">
        <v>581</v>
      </c>
      <c r="U8" s="4">
        <v>630</v>
      </c>
      <c r="V8" s="4">
        <v>534</v>
      </c>
      <c r="W8" s="9">
        <f>(M8-P8)/(E8+F8+G8)</f>
        <v>36.244680851063826</v>
      </c>
    </row>
    <row r="9" spans="1:23" ht="21" customHeight="1">
      <c r="A9" s="16">
        <v>17</v>
      </c>
      <c r="B9" s="17"/>
      <c r="C9" s="4">
        <v>8</v>
      </c>
      <c r="D9" s="4">
        <v>107</v>
      </c>
      <c r="E9" s="4">
        <v>32</v>
      </c>
      <c r="F9" s="4">
        <v>31</v>
      </c>
      <c r="G9" s="4">
        <v>31</v>
      </c>
      <c r="H9" s="4">
        <v>13</v>
      </c>
      <c r="I9" s="4">
        <v>229</v>
      </c>
      <c r="J9" s="4">
        <v>157</v>
      </c>
      <c r="K9" s="4">
        <v>72</v>
      </c>
      <c r="L9" s="4">
        <v>62</v>
      </c>
      <c r="M9" s="4">
        <v>3426</v>
      </c>
      <c r="N9" s="4">
        <v>1716</v>
      </c>
      <c r="O9" s="4">
        <v>1710</v>
      </c>
      <c r="P9" s="4">
        <v>31</v>
      </c>
      <c r="Q9" s="4">
        <v>591</v>
      </c>
      <c r="R9" s="4">
        <v>558</v>
      </c>
      <c r="S9" s="4">
        <v>566</v>
      </c>
      <c r="T9" s="4">
        <v>566</v>
      </c>
      <c r="U9" s="4">
        <v>559</v>
      </c>
      <c r="V9" s="4">
        <v>586</v>
      </c>
      <c r="W9" s="6">
        <f t="shared" ref="W9:W14" si="0">(M9-P9)/(E9+F9+G9)</f>
        <v>36.117021276595743</v>
      </c>
    </row>
    <row r="10" spans="1:23" ht="21" customHeight="1">
      <c r="A10" s="16">
        <v>18</v>
      </c>
      <c r="B10" s="17"/>
      <c r="C10" s="4">
        <v>8</v>
      </c>
      <c r="D10" s="4">
        <v>106</v>
      </c>
      <c r="E10" s="4">
        <v>31</v>
      </c>
      <c r="F10" s="4">
        <v>32</v>
      </c>
      <c r="G10" s="4">
        <v>31</v>
      </c>
      <c r="H10" s="4">
        <v>12</v>
      </c>
      <c r="I10" s="4">
        <v>227</v>
      </c>
      <c r="J10" s="4">
        <v>156</v>
      </c>
      <c r="K10" s="4">
        <v>71</v>
      </c>
      <c r="L10" s="4">
        <v>61</v>
      </c>
      <c r="M10" s="4">
        <v>3391</v>
      </c>
      <c r="N10" s="4">
        <v>1758</v>
      </c>
      <c r="O10" s="4">
        <v>1633</v>
      </c>
      <c r="P10" s="4">
        <v>35</v>
      </c>
      <c r="Q10" s="4">
        <v>606</v>
      </c>
      <c r="R10" s="4">
        <v>512</v>
      </c>
      <c r="S10" s="4">
        <v>590</v>
      </c>
      <c r="T10" s="4">
        <v>557</v>
      </c>
      <c r="U10" s="4">
        <v>562</v>
      </c>
      <c r="V10" s="4">
        <v>564</v>
      </c>
      <c r="W10" s="6">
        <f t="shared" si="0"/>
        <v>35.702127659574465</v>
      </c>
    </row>
    <row r="11" spans="1:23" ht="21" customHeight="1">
      <c r="A11" s="16">
        <v>19</v>
      </c>
      <c r="B11" s="17"/>
      <c r="C11" s="4">
        <v>8</v>
      </c>
      <c r="D11" s="4">
        <v>109</v>
      </c>
      <c r="E11" s="4">
        <v>31</v>
      </c>
      <c r="F11" s="4">
        <v>31</v>
      </c>
      <c r="G11" s="4">
        <v>32</v>
      </c>
      <c r="H11" s="4">
        <v>15</v>
      </c>
      <c r="I11" s="4">
        <v>227</v>
      </c>
      <c r="J11" s="4">
        <v>161</v>
      </c>
      <c r="K11" s="4">
        <v>66</v>
      </c>
      <c r="L11" s="4">
        <v>59</v>
      </c>
      <c r="M11" s="4">
        <v>3384</v>
      </c>
      <c r="N11" s="4">
        <v>1787</v>
      </c>
      <c r="O11" s="4">
        <v>1597</v>
      </c>
      <c r="P11" s="4">
        <v>54</v>
      </c>
      <c r="Q11" s="4">
        <v>597</v>
      </c>
      <c r="R11" s="4">
        <v>526</v>
      </c>
      <c r="S11" s="4">
        <v>600</v>
      </c>
      <c r="T11" s="4">
        <v>511</v>
      </c>
      <c r="U11" s="4">
        <v>590</v>
      </c>
      <c r="V11" s="4">
        <v>560</v>
      </c>
      <c r="W11" s="6">
        <f t="shared" si="0"/>
        <v>35.425531914893618</v>
      </c>
    </row>
    <row r="12" spans="1:23" ht="21" customHeight="1">
      <c r="A12" s="16">
        <v>20</v>
      </c>
      <c r="B12" s="17"/>
      <c r="C12" s="4">
        <v>8</v>
      </c>
      <c r="D12" s="4">
        <v>109</v>
      </c>
      <c r="E12" s="4">
        <v>32</v>
      </c>
      <c r="F12" s="4">
        <v>31</v>
      </c>
      <c r="G12" s="4">
        <v>31</v>
      </c>
      <c r="H12" s="4">
        <v>15</v>
      </c>
      <c r="I12" s="4">
        <v>227</v>
      </c>
      <c r="J12" s="4">
        <v>154</v>
      </c>
      <c r="K12" s="4">
        <v>73</v>
      </c>
      <c r="L12" s="4">
        <v>56</v>
      </c>
      <c r="M12" s="4">
        <v>3347</v>
      </c>
      <c r="N12" s="4">
        <v>1716</v>
      </c>
      <c r="O12" s="4">
        <v>1631</v>
      </c>
      <c r="P12" s="4">
        <v>53</v>
      </c>
      <c r="Q12" s="4">
        <v>529</v>
      </c>
      <c r="R12" s="4">
        <v>591</v>
      </c>
      <c r="S12" s="4">
        <v>593</v>
      </c>
      <c r="T12" s="4">
        <v>528</v>
      </c>
      <c r="U12" s="4">
        <v>594</v>
      </c>
      <c r="V12" s="4">
        <v>512</v>
      </c>
      <c r="W12" s="6">
        <f t="shared" si="0"/>
        <v>35.042553191489361</v>
      </c>
    </row>
    <row r="13" spans="1:23" ht="21" customHeight="1">
      <c r="A13" s="16">
        <v>21</v>
      </c>
      <c r="B13" s="17"/>
      <c r="C13" s="4">
        <v>8</v>
      </c>
      <c r="D13" s="4">
        <v>110</v>
      </c>
      <c r="E13" s="4">
        <v>31</v>
      </c>
      <c r="F13" s="4">
        <v>32</v>
      </c>
      <c r="G13" s="4">
        <v>31</v>
      </c>
      <c r="H13" s="4">
        <v>16</v>
      </c>
      <c r="I13" s="4">
        <v>246</v>
      </c>
      <c r="J13" s="4">
        <v>167</v>
      </c>
      <c r="K13" s="4">
        <v>79</v>
      </c>
      <c r="L13" s="4">
        <v>53</v>
      </c>
      <c r="M13" s="4">
        <v>3406</v>
      </c>
      <c r="N13" s="4">
        <v>1725</v>
      </c>
      <c r="O13" s="4">
        <v>1681</v>
      </c>
      <c r="P13" s="4">
        <v>61</v>
      </c>
      <c r="Q13" s="4">
        <v>605</v>
      </c>
      <c r="R13" s="4">
        <v>558</v>
      </c>
      <c r="S13" s="4">
        <v>528</v>
      </c>
      <c r="T13" s="4">
        <v>592</v>
      </c>
      <c r="U13" s="4">
        <v>592</v>
      </c>
      <c r="V13" s="4">
        <v>531</v>
      </c>
      <c r="W13" s="6">
        <f t="shared" si="0"/>
        <v>35.585106382978722</v>
      </c>
    </row>
    <row r="14" spans="1:23" ht="21" customHeight="1">
      <c r="A14" s="16">
        <v>22</v>
      </c>
      <c r="B14" s="17"/>
      <c r="C14" s="4">
        <v>8</v>
      </c>
      <c r="D14" s="4">
        <v>111</v>
      </c>
      <c r="E14" s="4">
        <v>31</v>
      </c>
      <c r="F14" s="4">
        <v>31</v>
      </c>
      <c r="G14" s="4">
        <v>32</v>
      </c>
      <c r="H14" s="4">
        <v>17</v>
      </c>
      <c r="I14" s="4">
        <v>243</v>
      </c>
      <c r="J14" s="4">
        <v>163</v>
      </c>
      <c r="K14" s="4">
        <v>80</v>
      </c>
      <c r="L14" s="4">
        <v>54</v>
      </c>
      <c r="M14" s="4">
        <v>3395</v>
      </c>
      <c r="N14" s="4">
        <v>1739</v>
      </c>
      <c r="O14" s="4">
        <v>1656</v>
      </c>
      <c r="P14" s="4">
        <v>64</v>
      </c>
      <c r="Q14" s="4">
        <v>605</v>
      </c>
      <c r="R14" s="4">
        <v>501</v>
      </c>
      <c r="S14" s="4">
        <v>607</v>
      </c>
      <c r="T14" s="4">
        <v>558</v>
      </c>
      <c r="U14" s="4">
        <v>527</v>
      </c>
      <c r="V14" s="4">
        <v>597</v>
      </c>
      <c r="W14" s="6">
        <f t="shared" si="0"/>
        <v>35.436170212765958</v>
      </c>
    </row>
    <row r="15" spans="1:23" ht="21" customHeight="1">
      <c r="A15" s="16">
        <v>23</v>
      </c>
      <c r="B15" s="17"/>
      <c r="C15" s="4">
        <v>8</v>
      </c>
      <c r="D15" s="4">
        <v>115</v>
      </c>
      <c r="E15" s="4">
        <v>35</v>
      </c>
      <c r="F15" s="4">
        <v>32</v>
      </c>
      <c r="G15" s="4">
        <v>31</v>
      </c>
      <c r="H15" s="4">
        <v>17</v>
      </c>
      <c r="I15" s="4">
        <v>241</v>
      </c>
      <c r="J15" s="4">
        <v>159</v>
      </c>
      <c r="K15" s="4">
        <v>82</v>
      </c>
      <c r="L15" s="4">
        <v>60</v>
      </c>
      <c r="M15" s="4">
        <v>3415</v>
      </c>
      <c r="N15" s="4">
        <v>1810</v>
      </c>
      <c r="O15" s="4">
        <v>1605</v>
      </c>
      <c r="P15" s="4">
        <v>78</v>
      </c>
      <c r="Q15" s="4">
        <v>604</v>
      </c>
      <c r="R15" s="4">
        <v>543</v>
      </c>
      <c r="S15" s="4">
        <v>602</v>
      </c>
      <c r="T15" s="4">
        <v>505</v>
      </c>
      <c r="U15" s="4">
        <v>604</v>
      </c>
      <c r="V15" s="4">
        <v>557</v>
      </c>
      <c r="W15" s="6">
        <f t="shared" ref="W15:W20" si="1">(M15-P15)/(E15+F15+G15)</f>
        <v>34.051020408163268</v>
      </c>
    </row>
    <row r="16" spans="1:23" ht="21" customHeight="1">
      <c r="A16" s="16">
        <v>24</v>
      </c>
      <c r="B16" s="17"/>
      <c r="C16" s="4">
        <v>8</v>
      </c>
      <c r="D16" s="4">
        <v>120</v>
      </c>
      <c r="E16" s="4">
        <v>36</v>
      </c>
      <c r="F16" s="4">
        <v>25</v>
      </c>
      <c r="G16" s="4">
        <v>32</v>
      </c>
      <c r="H16" s="4">
        <v>17</v>
      </c>
      <c r="I16" s="4">
        <v>247</v>
      </c>
      <c r="J16" s="4">
        <v>168</v>
      </c>
      <c r="K16" s="4">
        <v>79</v>
      </c>
      <c r="L16" s="4">
        <v>65</v>
      </c>
      <c r="M16" s="4">
        <v>3356</v>
      </c>
      <c r="N16" s="4">
        <v>1766</v>
      </c>
      <c r="O16" s="4">
        <v>1590</v>
      </c>
      <c r="P16" s="4">
        <v>70</v>
      </c>
      <c r="Q16" s="4">
        <v>556</v>
      </c>
      <c r="R16" s="4">
        <v>540</v>
      </c>
      <c r="S16" s="4">
        <v>606</v>
      </c>
      <c r="T16" s="4">
        <v>542</v>
      </c>
      <c r="U16" s="4">
        <v>604</v>
      </c>
      <c r="V16" s="4">
        <v>508</v>
      </c>
      <c r="W16" s="6">
        <f t="shared" si="1"/>
        <v>35.333333333333336</v>
      </c>
    </row>
    <row r="17" spans="1:23" ht="21" customHeight="1">
      <c r="A17" s="16">
        <v>25</v>
      </c>
      <c r="B17" s="17"/>
      <c r="C17" s="4">
        <v>8</v>
      </c>
      <c r="D17" s="4">
        <v>117</v>
      </c>
      <c r="E17" s="4">
        <v>32</v>
      </c>
      <c r="F17" s="4">
        <v>35</v>
      </c>
      <c r="G17" s="4">
        <v>35</v>
      </c>
      <c r="H17" s="4">
        <v>15</v>
      </c>
      <c r="I17" s="4">
        <v>245</v>
      </c>
      <c r="J17" s="4">
        <v>165</v>
      </c>
      <c r="K17" s="4">
        <v>80</v>
      </c>
      <c r="L17" s="4">
        <v>72</v>
      </c>
      <c r="M17" s="4">
        <v>3259</v>
      </c>
      <c r="N17" s="4">
        <v>1687</v>
      </c>
      <c r="O17" s="4">
        <v>1572</v>
      </c>
      <c r="P17" s="4">
        <v>66</v>
      </c>
      <c r="Q17" s="4">
        <v>528</v>
      </c>
      <c r="R17" s="4">
        <v>485</v>
      </c>
      <c r="S17" s="4">
        <v>557</v>
      </c>
      <c r="T17" s="4">
        <v>543</v>
      </c>
      <c r="U17" s="4">
        <v>602</v>
      </c>
      <c r="V17" s="4">
        <v>544</v>
      </c>
      <c r="W17" s="6">
        <f t="shared" si="1"/>
        <v>31.303921568627452</v>
      </c>
    </row>
    <row r="18" spans="1:23" ht="21" customHeight="1">
      <c r="A18" s="16">
        <v>26</v>
      </c>
      <c r="B18" s="17"/>
      <c r="C18" s="4">
        <v>8</v>
      </c>
      <c r="D18" s="4">
        <v>115</v>
      </c>
      <c r="E18" s="4">
        <v>33</v>
      </c>
      <c r="F18" s="4">
        <v>32</v>
      </c>
      <c r="G18" s="4">
        <v>35</v>
      </c>
      <c r="H18" s="4">
        <v>15</v>
      </c>
      <c r="I18" s="7">
        <v>240</v>
      </c>
      <c r="J18" s="7">
        <v>163</v>
      </c>
      <c r="K18" s="7">
        <v>77</v>
      </c>
      <c r="L18" s="7">
        <v>79</v>
      </c>
      <c r="M18" s="4">
        <v>3170</v>
      </c>
      <c r="N18" s="4">
        <v>1627</v>
      </c>
      <c r="O18" s="4">
        <v>1543</v>
      </c>
      <c r="P18" s="4">
        <v>68</v>
      </c>
      <c r="Q18" s="4">
        <v>542</v>
      </c>
      <c r="R18" s="4">
        <v>516</v>
      </c>
      <c r="S18" s="4">
        <v>527</v>
      </c>
      <c r="T18" s="4">
        <v>487</v>
      </c>
      <c r="U18" s="4">
        <v>558</v>
      </c>
      <c r="V18" s="4">
        <v>540</v>
      </c>
      <c r="W18" s="6">
        <f t="shared" si="1"/>
        <v>31.02</v>
      </c>
    </row>
    <row r="19" spans="1:23" ht="21" customHeight="1">
      <c r="A19" s="16">
        <v>27</v>
      </c>
      <c r="B19" s="17"/>
      <c r="C19" s="4">
        <v>8</v>
      </c>
      <c r="D19" s="4">
        <v>114</v>
      </c>
      <c r="E19" s="4">
        <v>32</v>
      </c>
      <c r="F19" s="4">
        <v>33</v>
      </c>
      <c r="G19" s="4">
        <v>32</v>
      </c>
      <c r="H19" s="4">
        <v>17</v>
      </c>
      <c r="I19" s="7">
        <v>234</v>
      </c>
      <c r="J19" s="7">
        <v>156</v>
      </c>
      <c r="K19" s="7">
        <v>78</v>
      </c>
      <c r="L19" s="7">
        <v>77</v>
      </c>
      <c r="M19" s="4">
        <v>3046</v>
      </c>
      <c r="N19" s="4">
        <v>1569</v>
      </c>
      <c r="O19" s="4">
        <v>1477</v>
      </c>
      <c r="P19" s="4">
        <v>68</v>
      </c>
      <c r="Q19" s="4">
        <v>509</v>
      </c>
      <c r="R19" s="4">
        <v>475</v>
      </c>
      <c r="S19" s="4">
        <v>538</v>
      </c>
      <c r="T19" s="4">
        <v>517</v>
      </c>
      <c r="U19" s="4">
        <v>522</v>
      </c>
      <c r="V19" s="4">
        <v>485</v>
      </c>
      <c r="W19" s="6">
        <f t="shared" si="1"/>
        <v>30.701030927835053</v>
      </c>
    </row>
    <row r="20" spans="1:23" ht="21" customHeight="1">
      <c r="A20" s="16">
        <v>28</v>
      </c>
      <c r="B20" s="17"/>
      <c r="C20" s="4">
        <v>8</v>
      </c>
      <c r="D20" s="4">
        <v>113</v>
      </c>
      <c r="E20" s="4">
        <v>31</v>
      </c>
      <c r="F20" s="4">
        <v>32</v>
      </c>
      <c r="G20" s="4">
        <v>33</v>
      </c>
      <c r="H20" s="4">
        <v>17</v>
      </c>
      <c r="I20" s="7">
        <v>240</v>
      </c>
      <c r="J20" s="7">
        <v>161</v>
      </c>
      <c r="K20" s="7">
        <v>79</v>
      </c>
      <c r="L20" s="7">
        <v>78</v>
      </c>
      <c r="M20" s="4">
        <v>3087</v>
      </c>
      <c r="N20" s="4">
        <v>1599</v>
      </c>
      <c r="O20" s="4">
        <v>1488</v>
      </c>
      <c r="P20" s="4">
        <v>90</v>
      </c>
      <c r="Q20" s="4">
        <v>551</v>
      </c>
      <c r="R20" s="4">
        <v>493</v>
      </c>
      <c r="S20" s="4">
        <v>506</v>
      </c>
      <c r="T20" s="4">
        <v>477</v>
      </c>
      <c r="U20" s="4">
        <v>542</v>
      </c>
      <c r="V20" s="4">
        <v>518</v>
      </c>
      <c r="W20" s="6">
        <f t="shared" si="1"/>
        <v>31.21875</v>
      </c>
    </row>
    <row r="21" spans="1:23" ht="21" customHeight="1">
      <c r="A21" s="16">
        <v>29</v>
      </c>
      <c r="B21" s="17"/>
      <c r="C21" s="4">
        <v>8</v>
      </c>
      <c r="D21" s="4">
        <v>115</v>
      </c>
      <c r="E21" s="4">
        <v>32</v>
      </c>
      <c r="F21" s="4">
        <v>33</v>
      </c>
      <c r="G21" s="4">
        <v>32</v>
      </c>
      <c r="H21" s="4">
        <v>18</v>
      </c>
      <c r="I21" s="7">
        <v>239</v>
      </c>
      <c r="J21" s="7">
        <v>156</v>
      </c>
      <c r="K21" s="7">
        <v>83</v>
      </c>
      <c r="L21" s="7">
        <v>79</v>
      </c>
      <c r="M21" s="4">
        <v>3020</v>
      </c>
      <c r="N21" s="4">
        <v>1581</v>
      </c>
      <c r="O21" s="4">
        <v>1439</v>
      </c>
      <c r="P21" s="4">
        <v>84</v>
      </c>
      <c r="Q21" s="4">
        <v>522</v>
      </c>
      <c r="R21" s="4">
        <v>466</v>
      </c>
      <c r="S21" s="4">
        <v>553</v>
      </c>
      <c r="T21" s="4">
        <v>497</v>
      </c>
      <c r="U21" s="4">
        <v>506</v>
      </c>
      <c r="V21" s="4">
        <v>476</v>
      </c>
      <c r="W21" s="6">
        <f>(M21-P21)/(E21+F21+G21)</f>
        <v>30.268041237113401</v>
      </c>
    </row>
    <row r="22" spans="1:23" ht="21" customHeight="1">
      <c r="A22" s="16">
        <v>30</v>
      </c>
      <c r="B22" s="17"/>
      <c r="C22" s="4">
        <v>8</v>
      </c>
      <c r="D22" s="4">
        <v>110</v>
      </c>
      <c r="E22" s="4">
        <v>30</v>
      </c>
      <c r="F22" s="4">
        <v>32</v>
      </c>
      <c r="G22" s="4">
        <v>33</v>
      </c>
      <c r="H22" s="4">
        <v>15</v>
      </c>
      <c r="I22" s="7">
        <v>235</v>
      </c>
      <c r="J22" s="7">
        <v>152</v>
      </c>
      <c r="K22" s="7">
        <v>83</v>
      </c>
      <c r="L22" s="7">
        <v>78</v>
      </c>
      <c r="M22" s="4">
        <v>2974</v>
      </c>
      <c r="N22" s="4">
        <v>1578</v>
      </c>
      <c r="O22" s="4">
        <v>1396</v>
      </c>
      <c r="P22" s="4">
        <v>81</v>
      </c>
      <c r="Q22" s="4">
        <v>504</v>
      </c>
      <c r="R22" s="4">
        <v>441</v>
      </c>
      <c r="S22" s="4">
        <v>524</v>
      </c>
      <c r="T22" s="4">
        <v>460</v>
      </c>
      <c r="U22" s="4">
        <v>550</v>
      </c>
      <c r="V22" s="4">
        <v>495</v>
      </c>
      <c r="W22" s="6">
        <f>(M22-P22)/(E22+F22+G22)</f>
        <v>30.452631578947368</v>
      </c>
    </row>
    <row r="23" spans="1:23" ht="21" customHeight="1">
      <c r="A23" s="16" t="s">
        <v>19</v>
      </c>
      <c r="B23" s="17"/>
      <c r="C23" s="4">
        <v>8</v>
      </c>
      <c r="D23" s="4">
        <v>110</v>
      </c>
      <c r="E23" s="4">
        <v>31</v>
      </c>
      <c r="F23" s="4">
        <v>30</v>
      </c>
      <c r="G23" s="4">
        <v>32</v>
      </c>
      <c r="H23" s="4">
        <v>17</v>
      </c>
      <c r="I23" s="7">
        <v>238</v>
      </c>
      <c r="J23" s="7">
        <v>158</v>
      </c>
      <c r="K23" s="7">
        <v>80</v>
      </c>
      <c r="L23" s="7">
        <v>78</v>
      </c>
      <c r="M23" s="4">
        <v>2921</v>
      </c>
      <c r="N23" s="4">
        <v>1534</v>
      </c>
      <c r="O23" s="4">
        <v>1387</v>
      </c>
      <c r="P23" s="4">
        <v>82</v>
      </c>
      <c r="Q23" s="4">
        <v>512</v>
      </c>
      <c r="R23" s="4">
        <v>493</v>
      </c>
      <c r="S23" s="4">
        <v>500</v>
      </c>
      <c r="T23" s="4">
        <v>435</v>
      </c>
      <c r="U23" s="4">
        <v>522</v>
      </c>
      <c r="V23" s="4">
        <v>459</v>
      </c>
      <c r="W23" s="6">
        <f>(M23-P23)/(E23+F23+G23)</f>
        <v>30.526881720430108</v>
      </c>
    </row>
    <row r="24" spans="1:23">
      <c r="A24" s="5" t="s">
        <v>18</v>
      </c>
    </row>
    <row r="25" spans="1:23">
      <c r="A25" s="5" t="s">
        <v>7</v>
      </c>
    </row>
  </sheetData>
  <mergeCells count="39">
    <mergeCell ref="A21:B21"/>
    <mergeCell ref="A23:B23"/>
    <mergeCell ref="A7:B7"/>
    <mergeCell ref="A8:B8"/>
    <mergeCell ref="A12:B12"/>
    <mergeCell ref="A10:B10"/>
    <mergeCell ref="A11:B11"/>
    <mergeCell ref="A19:B19"/>
    <mergeCell ref="A18:B18"/>
    <mergeCell ref="A15:B15"/>
    <mergeCell ref="A16:B16"/>
    <mergeCell ref="A17:B17"/>
    <mergeCell ref="A20:B20"/>
    <mergeCell ref="A14:B14"/>
    <mergeCell ref="A13:B13"/>
    <mergeCell ref="A22:B22"/>
    <mergeCell ref="J3:J4"/>
    <mergeCell ref="D3:D4"/>
    <mergeCell ref="A9:B9"/>
    <mergeCell ref="A5:B5"/>
    <mergeCell ref="A2:B4"/>
    <mergeCell ref="A6:B6"/>
    <mergeCell ref="C2:C4"/>
    <mergeCell ref="E3:G3"/>
    <mergeCell ref="H3:H4"/>
    <mergeCell ref="W2:W4"/>
    <mergeCell ref="Q3:R3"/>
    <mergeCell ref="S3:T3"/>
    <mergeCell ref="U3:V3"/>
    <mergeCell ref="N3:N4"/>
    <mergeCell ref="L2:L4"/>
    <mergeCell ref="M2:V2"/>
    <mergeCell ref="M3:M4"/>
    <mergeCell ref="P3:P4"/>
    <mergeCell ref="O3:O4"/>
    <mergeCell ref="K3:K4"/>
    <mergeCell ref="I2:K2"/>
    <mergeCell ref="D2:H2"/>
    <mergeCell ref="I3:I4"/>
  </mergeCells>
  <phoneticPr fontId="2"/>
  <printOptions horizontalCentered="1"/>
  <pageMargins left="0.19685039370078741" right="0.19685039370078741" top="0.98425196850393704" bottom="0.98425196850393704" header="0.51181102362204722" footer="0.51181102362204722"/>
  <pageSetup paperSize="9" scale="82" orientation="landscape" r:id="rId1"/>
  <headerFooter alignWithMargins="0"/>
  <colBreaks count="1" manualBreakCount="1">
    <brk id="23" max="34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4</vt:lpstr>
      <vt:lpstr>'20-4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21-02-06T02:00:16Z</cp:lastPrinted>
  <dcterms:created xsi:type="dcterms:W3CDTF">1997-01-08T22:48:59Z</dcterms:created>
  <dcterms:modified xsi:type="dcterms:W3CDTF">2021-02-06T02:00:22Z</dcterms:modified>
</cp:coreProperties>
</file>